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30F53" w:rsidRDefault="00AC22C6">
      <w:r w:rsidRPr="00AC22C6">
        <w:rPr>
          <w:noProof/>
        </w:rPr>
        <w:drawing>
          <wp:inline distT="0" distB="0" distL="0" distR="0">
            <wp:extent cx="5144770" cy="7371080"/>
            <wp:effectExtent l="0" t="0" r="0" b="1270"/>
            <wp:docPr id="1" name="图片 1" descr="C:\Users\i5002\Desktop\网站内容搜集\企业发展部网站\办事指南\中国科大先进技术研究院入院孵化流程\附件2-项目路演流程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002\Desktop\网站内容搜集\企业发展部网站\办事指南\中国科大先进技术研究院入院孵化流程\附件2-项目路演流程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44770" cy="73710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730F53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8412A" w:rsidRDefault="0028412A" w:rsidP="00AC22C6">
      <w:r>
        <w:separator/>
      </w:r>
    </w:p>
  </w:endnote>
  <w:endnote w:type="continuationSeparator" w:id="0">
    <w:p w:rsidR="0028412A" w:rsidRDefault="0028412A" w:rsidP="00AC22C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8412A" w:rsidRDefault="0028412A" w:rsidP="00AC22C6">
      <w:r>
        <w:separator/>
      </w:r>
    </w:p>
  </w:footnote>
  <w:footnote w:type="continuationSeparator" w:id="0">
    <w:p w:rsidR="0028412A" w:rsidRDefault="0028412A" w:rsidP="00AC22C6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F2A12"/>
    <w:rsid w:val="001F2A12"/>
    <w:rsid w:val="0028412A"/>
    <w:rsid w:val="00730F53"/>
    <w:rsid w:val="00AC22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B943BB85-E233-4B4F-A091-10CD2B3871C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Char"/>
    <w:uiPriority w:val="99"/>
    <w:unhideWhenUsed/>
    <w:rsid w:val="00AC22C6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">
    <w:name w:val="页眉 Char"/>
    <w:basedOn w:val="a0"/>
    <w:link w:val="a3"/>
    <w:uiPriority w:val="99"/>
    <w:rsid w:val="00AC22C6"/>
    <w:rPr>
      <w:sz w:val="18"/>
      <w:szCs w:val="18"/>
    </w:rPr>
  </w:style>
  <w:style w:type="paragraph" w:styleId="a4">
    <w:name w:val="footer"/>
    <w:basedOn w:val="a"/>
    <w:link w:val="Char0"/>
    <w:uiPriority w:val="99"/>
    <w:unhideWhenUsed/>
    <w:rsid w:val="00AC22C6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0">
    <w:name w:val="页脚 Char"/>
    <w:basedOn w:val="a0"/>
    <w:link w:val="a4"/>
    <w:uiPriority w:val="99"/>
    <w:rsid w:val="00AC22C6"/>
    <w:rPr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0</Words>
  <Characters>1</Characters>
  <Application>Microsoft Office Word</Application>
  <DocSecurity>0</DocSecurity>
  <Lines>1</Lines>
  <Paragraphs>1</Paragraphs>
  <ScaleCrop>false</ScaleCrop>
  <Company/>
  <LinksUpToDate>false</LinksUpToDate>
  <CharactersWithSpaces>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5002</dc:creator>
  <cp:keywords/>
  <dc:description/>
  <cp:lastModifiedBy>i5002</cp:lastModifiedBy>
  <cp:revision>2</cp:revision>
  <dcterms:created xsi:type="dcterms:W3CDTF">2017-12-12T02:53:00Z</dcterms:created>
  <dcterms:modified xsi:type="dcterms:W3CDTF">2017-12-12T02:53:00Z</dcterms:modified>
</cp:coreProperties>
</file>